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6370EA37" w:rsidR="009000CE" w:rsidRDefault="002E5EE2" w:rsidP="00ED34AE">
                <w:pPr>
                  <w:pStyle w:val="Title"/>
                </w:pPr>
                <w:r>
                  <w:t>Victoria Crash Statistics Data Analysis</w:t>
                </w:r>
                <w:r w:rsidR="00184AA9">
                  <w:t xml:space="preserve">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1081F15A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990DAD">
                  <w:t>Harris Huntington, Eric Martin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5B2F9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2-09-05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990DAD">
                  <w:t>September 5, 2022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8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p w14:paraId="54940EC2" w14:textId="44C85291" w:rsidR="009000CE" w:rsidRDefault="00000000" w:rsidP="002E5EE2">
      <w:pPr>
        <w:pStyle w:val="Heading1"/>
        <w:tabs>
          <w:tab w:val="left" w:pos="2437"/>
        </w:tabs>
      </w:pPr>
      <w:sdt>
        <w:sdtPr>
          <w:id w:val="-1979136580"/>
          <w:placeholder>
            <w:docPart w:val="559836C371A8476EB4033E4A51528256"/>
          </w:placeholder>
          <w:temporary/>
          <w:showingPlcHdr/>
          <w15:appearance w15:val="hidden"/>
        </w:sdtPr>
        <w:sdtContent>
          <w:r w:rsidR="00184AA9">
            <w:t>Introduction</w:t>
          </w:r>
        </w:sdtContent>
      </w:sdt>
      <w:r w:rsidR="002E5EE2">
        <w:tab/>
      </w:r>
    </w:p>
    <w:p w14:paraId="54145260" w14:textId="5203BD09" w:rsidR="002E5EE2" w:rsidRDefault="002E5EE2" w:rsidP="002E5EE2">
      <w:r>
        <w:t>The purpose of this report is to provide summaries of the analysis performed by the application created. The tasks that were required are as follows:</w:t>
      </w:r>
    </w:p>
    <w:p w14:paraId="7477EBFE" w14:textId="090F8523" w:rsidR="002E5EE2" w:rsidRDefault="002E5EE2" w:rsidP="002E5EE2">
      <w:pPr>
        <w:pStyle w:val="ListParagraph"/>
        <w:numPr>
          <w:ilvl w:val="0"/>
          <w:numId w:val="2"/>
        </w:numPr>
      </w:pPr>
      <w:r>
        <w:t>Display all information of accidents that occurred within a user defined period (days)</w:t>
      </w:r>
    </w:p>
    <w:p w14:paraId="337340A5" w14:textId="2F7B23A0" w:rsidR="002E5EE2" w:rsidRDefault="008126C7" w:rsidP="002E5EE2">
      <w:pPr>
        <w:pStyle w:val="ListParagraph"/>
        <w:numPr>
          <w:ilvl w:val="0"/>
          <w:numId w:val="2"/>
        </w:numPr>
      </w:pPr>
      <w:r>
        <w:t>Produce a chart showing the number of accidents in each hour of the day.</w:t>
      </w:r>
    </w:p>
    <w:p w14:paraId="22126EDE" w14:textId="2EEA17AC" w:rsidR="008126C7" w:rsidRDefault="008126C7" w:rsidP="002E5EE2">
      <w:pPr>
        <w:pStyle w:val="ListParagraph"/>
        <w:numPr>
          <w:ilvl w:val="0"/>
          <w:numId w:val="2"/>
        </w:numPr>
      </w:pPr>
      <w:r>
        <w:t>Retrieve all accidents which match a user inputted keyword, such as ‘Pedestrian’ or ‘Collision’, within a user defined period.</w:t>
      </w:r>
    </w:p>
    <w:p w14:paraId="659AF9E6" w14:textId="556817EE" w:rsidR="008126C7" w:rsidRDefault="008126C7" w:rsidP="002E5EE2">
      <w:pPr>
        <w:pStyle w:val="ListParagraph"/>
        <w:numPr>
          <w:ilvl w:val="0"/>
          <w:numId w:val="2"/>
        </w:numPr>
      </w:pPr>
      <w:r>
        <w:t>Show the user an analysis of alcohol impact on accidents, show by charts of:</w:t>
      </w:r>
    </w:p>
    <w:p w14:paraId="5E3E8ED1" w14:textId="32F77776" w:rsidR="008126C7" w:rsidRDefault="008126C7" w:rsidP="008126C7">
      <w:pPr>
        <w:pStyle w:val="ListParagraph"/>
        <w:numPr>
          <w:ilvl w:val="1"/>
          <w:numId w:val="2"/>
        </w:numPr>
      </w:pPr>
      <w:r>
        <w:t>Number of accidents involving alcohol per year.</w:t>
      </w:r>
    </w:p>
    <w:p w14:paraId="07D38626" w14:textId="4F1A303C" w:rsidR="008126C7" w:rsidRDefault="008126C7" w:rsidP="008126C7">
      <w:pPr>
        <w:pStyle w:val="ListParagraph"/>
        <w:numPr>
          <w:ilvl w:val="1"/>
          <w:numId w:val="2"/>
        </w:numPr>
      </w:pPr>
      <w:r>
        <w:t>Number of accidents involving alcohol by weekday.</w:t>
      </w:r>
    </w:p>
    <w:p w14:paraId="0B8FF999" w14:textId="01E3B2C3" w:rsidR="008126C7" w:rsidRDefault="008126C7" w:rsidP="008126C7">
      <w:pPr>
        <w:pStyle w:val="ListParagraph"/>
        <w:numPr>
          <w:ilvl w:val="1"/>
          <w:numId w:val="2"/>
        </w:numPr>
      </w:pPr>
      <w:r>
        <w:t>Number of accidents involving alcohol by type of accident.</w:t>
      </w:r>
    </w:p>
    <w:p w14:paraId="535F3461" w14:textId="2DD02013" w:rsidR="008126C7" w:rsidRDefault="008126C7" w:rsidP="008126C7">
      <w:pPr>
        <w:pStyle w:val="ListParagraph"/>
        <w:numPr>
          <w:ilvl w:val="0"/>
          <w:numId w:val="2"/>
        </w:numPr>
      </w:pPr>
      <w:r>
        <w:t>Produce a chart showing the number of accidents by weekday for a user defined period.</w:t>
      </w:r>
    </w:p>
    <w:p w14:paraId="246B5118" w14:textId="45631D8B" w:rsidR="008126C7" w:rsidRPr="002E5EE2" w:rsidRDefault="008126C7" w:rsidP="008126C7">
      <w:r>
        <w:t>The data range used for each of the summaries will be 1/1/2014 – 1/1/2015 for all tasks except the yearly alcohol analysis, which will have the date range 1/1/2014 – 31/12/2018</w:t>
      </w:r>
    </w:p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5CA1249D" w:rsidR="009000CE" w:rsidRDefault="00ED34AE" w:rsidP="0058572C">
      <w:pPr>
        <w:pStyle w:val="Heading1"/>
        <w:spacing w:after="0"/>
        <w:rPr>
          <w:rStyle w:val="Heading1Char"/>
          <w:b/>
        </w:rPr>
      </w:pPr>
      <w:r>
        <w:rPr>
          <w:rStyle w:val="Heading1Char"/>
          <w:b/>
        </w:rPr>
        <w:lastRenderedPageBreak/>
        <w:t>Analysis 1</w:t>
      </w:r>
      <w:r w:rsidR="004F4973">
        <w:rPr>
          <w:rStyle w:val="Heading1Char"/>
          <w:b/>
        </w:rPr>
        <w:t>: Accidents within user defined time period</w:t>
      </w:r>
    </w:p>
    <w:p w14:paraId="2D068FDA" w14:textId="2728DFD9" w:rsidR="0058572C" w:rsidRDefault="0058572C" w:rsidP="00CB3CCE">
      <w:pPr>
        <w:spacing w:after="0" w:line="360" w:lineRule="auto"/>
      </w:pPr>
      <w:r>
        <w:t>The first required task is to display the information of all accidents that occur with a user stated time frame. As can be seen in Figure 1, the dates selected are 1/1/2014 and 1/1/2015. With the ‘All’ radio button selected, clicking search provides all the data from crashes in 2014. A sample of this data can be seen in Figure 2.</w:t>
      </w:r>
    </w:p>
    <w:p w14:paraId="5D31F413" w14:textId="77777777" w:rsidR="00D77E47" w:rsidRDefault="00D77E47" w:rsidP="00D77E47">
      <w:pPr>
        <w:keepNext/>
        <w:spacing w:after="0"/>
      </w:pPr>
      <w:r w:rsidRPr="00D77E47">
        <w:drawing>
          <wp:inline distT="0" distB="0" distL="0" distR="0" wp14:anchorId="60A398DC" wp14:editId="61D7243A">
            <wp:extent cx="4175090" cy="2336445"/>
            <wp:effectExtent l="0" t="0" r="0" b="6985"/>
            <wp:docPr id="3" name="Picture 3" descr="Graphical user interface, application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3" descr="Graphical user interface, application&#10;&#10;Description automatically generated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4185103" cy="234204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6205A67" w14:textId="15F28F14" w:rsidR="00D77E47" w:rsidRDefault="00D77E47" w:rsidP="00D77E47">
      <w:pPr>
        <w:pStyle w:val="Caption"/>
      </w:pPr>
      <w:r>
        <w:t xml:space="preserve">Figure </w:t>
      </w:r>
      <w:fldSimple w:instr=" SEQ Figure \* ARABIC ">
        <w:r w:rsidR="000F12BC">
          <w:rPr>
            <w:noProof/>
          </w:rPr>
          <w:t>1</w:t>
        </w:r>
      </w:fldSimple>
    </w:p>
    <w:p w14:paraId="30FDCF2D" w14:textId="77777777" w:rsidR="00D77E47" w:rsidRDefault="0058572C" w:rsidP="00D77E47">
      <w:pPr>
        <w:keepNext/>
        <w:spacing w:after="0"/>
      </w:pPr>
      <w:r w:rsidRPr="0058572C">
        <w:rPr>
          <w:noProof/>
        </w:rPr>
        <w:drawing>
          <wp:inline distT="0" distB="0" distL="0" distR="0" wp14:anchorId="60D57021" wp14:editId="0DAA88EF">
            <wp:extent cx="4803112" cy="3204127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806282" cy="320624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B2107C3" w14:textId="7D941411" w:rsidR="004F4973" w:rsidRPr="004F4973" w:rsidRDefault="00D77E47" w:rsidP="00D77E47">
      <w:pPr>
        <w:pStyle w:val="Caption"/>
      </w:pPr>
      <w:r>
        <w:t xml:space="preserve">Figure </w:t>
      </w:r>
      <w:fldSimple w:instr=" SEQ Figure \* ARABIC ">
        <w:r w:rsidR="000F12BC">
          <w:rPr>
            <w:noProof/>
          </w:rPr>
          <w:t>2</w:t>
        </w:r>
      </w:fldSimple>
    </w:p>
    <w:p w14:paraId="6A7BD116" w14:textId="53B942B6" w:rsidR="00ED34AE" w:rsidRDefault="00ED34AE" w:rsidP="00C131DB">
      <w:pPr>
        <w:pStyle w:val="Heading1"/>
        <w:spacing w:after="0"/>
        <w:rPr>
          <w:rStyle w:val="Heading1Char"/>
          <w:b/>
        </w:rPr>
      </w:pPr>
      <w:r>
        <w:rPr>
          <w:rStyle w:val="Heading1Char"/>
          <w:b/>
        </w:rPr>
        <w:lastRenderedPageBreak/>
        <w:t>Analysis 2</w:t>
      </w:r>
      <w:r w:rsidR="00D77E47">
        <w:rPr>
          <w:rStyle w:val="Heading1Char"/>
          <w:b/>
        </w:rPr>
        <w:t>: Chart of hourly accidents</w:t>
      </w:r>
    </w:p>
    <w:p w14:paraId="05413070" w14:textId="51833090" w:rsidR="00D77E47" w:rsidRDefault="00D77E47" w:rsidP="00CB3CCE">
      <w:pPr>
        <w:spacing w:after="0" w:line="360" w:lineRule="auto"/>
      </w:pPr>
      <w:r>
        <w:t xml:space="preserve">The second task required a chart to be produced which displays the number of accidents that occur each hour of a day. Figure 3 shows </w:t>
      </w:r>
      <w:r w:rsidR="00C131DB">
        <w:t>the inputs, and the produced chart can be seen in Figure 4.</w:t>
      </w:r>
    </w:p>
    <w:p w14:paraId="30EAD589" w14:textId="00F026B8" w:rsidR="00C131DB" w:rsidRDefault="00C131DB" w:rsidP="00CB3CCE">
      <w:pPr>
        <w:spacing w:after="0" w:line="360" w:lineRule="auto"/>
      </w:pPr>
      <w:r>
        <w:t>Judging by this data, more crashes occur on average in the mid to late afternoon, with 5pm being the most common time for a crash to occur. This makes sense, as more vehicles tend to be on the roads between 3-7pm due to the school/work day finishing.</w:t>
      </w:r>
    </w:p>
    <w:p w14:paraId="3EDD9C53" w14:textId="7CC3EC6F" w:rsidR="00CB3CCE" w:rsidRDefault="00C131DB" w:rsidP="000F12BC">
      <w:pPr>
        <w:keepNext/>
        <w:spacing w:after="0" w:line="276" w:lineRule="auto"/>
      </w:pPr>
      <w:r w:rsidRPr="00C131DB">
        <w:drawing>
          <wp:inline distT="0" distB="0" distL="0" distR="0" wp14:anchorId="407E1144" wp14:editId="4842316D">
            <wp:extent cx="4119824" cy="2307276"/>
            <wp:effectExtent l="0" t="0" r="0" b="0"/>
            <wp:docPr id="4" name="Picture 4" descr="Graphical user interface, text, application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4" descr="Graphical user interface, text, application&#10;&#10;Description automatically generated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132542" cy="23143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097C9F3" w14:textId="5469FF6C" w:rsidR="00C131DB" w:rsidRDefault="00C131DB" w:rsidP="00C131DB">
      <w:pPr>
        <w:pStyle w:val="Caption"/>
      </w:pPr>
      <w:r>
        <w:t xml:space="preserve">Figure </w:t>
      </w:r>
      <w:fldSimple w:instr=" SEQ Figure \* ARABIC ">
        <w:r w:rsidR="000F12BC">
          <w:rPr>
            <w:noProof/>
          </w:rPr>
          <w:t>3</w:t>
        </w:r>
      </w:fldSimple>
    </w:p>
    <w:p w14:paraId="13C6B187" w14:textId="77777777" w:rsidR="00CB3CCE" w:rsidRDefault="00CB3CCE" w:rsidP="000F12BC">
      <w:pPr>
        <w:keepNext/>
        <w:spacing w:after="0" w:line="240" w:lineRule="auto"/>
      </w:pPr>
      <w:r w:rsidRPr="00CB3CCE">
        <w:drawing>
          <wp:inline distT="0" distB="0" distL="0" distR="0" wp14:anchorId="08B97E76" wp14:editId="7DD6E275">
            <wp:extent cx="3845076" cy="3054699"/>
            <wp:effectExtent l="0" t="0" r="3175" b="0"/>
            <wp:docPr id="5" name="Picture 5" descr="Chart, histo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Picture 5" descr="Chart, histogram&#10;&#10;Description automatically generated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3850833" cy="30592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018B21F" w14:textId="45CAB9DE" w:rsidR="00CB3CCE" w:rsidRPr="00CB3CCE" w:rsidRDefault="00CB3CCE" w:rsidP="00CB3CCE">
      <w:pPr>
        <w:pStyle w:val="Caption"/>
      </w:pPr>
      <w:r>
        <w:t xml:space="preserve">Figure </w:t>
      </w:r>
      <w:fldSimple w:instr=" SEQ Figure \* ARABIC ">
        <w:r w:rsidR="000F12BC">
          <w:rPr>
            <w:noProof/>
          </w:rPr>
          <w:t>4</w:t>
        </w:r>
      </w:fldSimple>
    </w:p>
    <w:p w14:paraId="2B11177A" w14:textId="5C03474E" w:rsidR="00ED34AE" w:rsidRDefault="00ED34AE" w:rsidP="00643B35">
      <w:pPr>
        <w:pStyle w:val="Heading1"/>
        <w:spacing w:after="0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3 </w:t>
      </w:r>
      <w:r w:rsidR="00643B35">
        <w:rPr>
          <w:rStyle w:val="Heading1Char"/>
          <w:b/>
        </w:rPr>
        <w:t>Find Accidents with keyword</w:t>
      </w:r>
    </w:p>
    <w:p w14:paraId="04D361B1" w14:textId="27CC749D" w:rsidR="00643B35" w:rsidRDefault="00643B35" w:rsidP="00643B35">
      <w:pPr>
        <w:spacing w:after="0"/>
      </w:pPr>
      <w:r>
        <w:t>The third task was displaying a</w:t>
      </w:r>
      <w:r w:rsidR="000F12BC">
        <w:t>ll information on accidents which contained a user-inputed keyword in the ‘ACCIDENT_TYPE’ attribute. Figure 5 shows an example with the keyword ‘Pedestrian’. A sample of the results can be seen in Figure 6. As shown, only accidents with the word ‘Pedestrian’  in the ‘ACCIDENT_TYPE’ column are being displayed</w:t>
      </w:r>
    </w:p>
    <w:p w14:paraId="078EA7EC" w14:textId="77777777" w:rsidR="000F12BC" w:rsidRDefault="000F12BC" w:rsidP="000F12BC">
      <w:pPr>
        <w:keepNext/>
        <w:spacing w:after="0" w:line="276" w:lineRule="auto"/>
      </w:pPr>
      <w:r w:rsidRPr="000F12BC">
        <w:drawing>
          <wp:inline distT="0" distB="0" distL="0" distR="0" wp14:anchorId="14F70984" wp14:editId="0E77FC92">
            <wp:extent cx="3948113" cy="2210691"/>
            <wp:effectExtent l="0" t="0" r="0" b="0"/>
            <wp:docPr id="6" name="Picture 6" descr="Graphical user interface, application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Picture 6" descr="Graphical user interface, application&#10;&#10;Description automatically generated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3961136" cy="221798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E60681C" w14:textId="5A2CB8F3" w:rsidR="000F12BC" w:rsidRDefault="000F12BC" w:rsidP="000F12BC">
      <w:pPr>
        <w:pStyle w:val="Caption"/>
      </w:pPr>
      <w:r>
        <w:t xml:space="preserve">Figure </w:t>
      </w:r>
      <w:fldSimple w:instr=" SEQ Figure \* ARABIC ">
        <w:r>
          <w:rPr>
            <w:noProof/>
          </w:rPr>
          <w:t>5</w:t>
        </w:r>
      </w:fldSimple>
    </w:p>
    <w:p w14:paraId="38AF415B" w14:textId="77777777" w:rsidR="000F12BC" w:rsidRDefault="000F12BC" w:rsidP="000F12BC">
      <w:pPr>
        <w:keepNext/>
        <w:spacing w:after="0" w:line="276" w:lineRule="auto"/>
      </w:pPr>
      <w:r w:rsidRPr="000F12BC">
        <w:drawing>
          <wp:inline distT="0" distB="0" distL="0" distR="0" wp14:anchorId="3054D7B3" wp14:editId="73608546">
            <wp:extent cx="5313249" cy="3543300"/>
            <wp:effectExtent l="0" t="0" r="1905" b="0"/>
            <wp:docPr id="7" name="Picture 7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Picture 7" descr="Table&#10;&#10;Description automatically generated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329707" cy="35542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154C343" w14:textId="64E49170" w:rsidR="000F12BC" w:rsidRPr="000F12BC" w:rsidRDefault="000F12BC" w:rsidP="000F12BC">
      <w:pPr>
        <w:pStyle w:val="Caption"/>
      </w:pPr>
      <w:r>
        <w:t xml:space="preserve">Figure </w:t>
      </w:r>
      <w:fldSimple w:instr=" SEQ Figure \* ARABIC ">
        <w:r>
          <w:rPr>
            <w:noProof/>
          </w:rPr>
          <w:t>6</w:t>
        </w:r>
      </w:fldSimple>
    </w:p>
    <w:p w14:paraId="333FE8B5" w14:textId="77777777" w:rsidR="00643B35" w:rsidRPr="00643B35" w:rsidRDefault="00643B35" w:rsidP="00643B35">
      <w:pPr>
        <w:spacing w:line="360" w:lineRule="auto"/>
      </w:pP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6ACEADC4" w14:textId="041157D1" w:rsidR="004F4973" w:rsidRDefault="004F4973" w:rsidP="004F4973">
      <w:pPr>
        <w:ind w:left="0"/>
      </w:pPr>
    </w:p>
    <w:p w14:paraId="2862B156" w14:textId="7048B5BB" w:rsidR="004F4973" w:rsidRDefault="004F4973" w:rsidP="004F4973">
      <w:pPr>
        <w:ind w:left="0"/>
      </w:pPr>
    </w:p>
    <w:p w14:paraId="04F5ABD0" w14:textId="77777777" w:rsidR="004F4973" w:rsidRPr="00ED34AE" w:rsidRDefault="004F4973" w:rsidP="004F4973">
      <w:pPr>
        <w:rPr>
          <w:color w:val="FF0000"/>
        </w:rPr>
      </w:pPr>
      <w:r w:rsidRPr="00ED34AE">
        <w:rPr>
          <w:color w:val="FF0000"/>
        </w:rPr>
        <w:t>Based on the requirements of your dataset, put the results of your analysis of a 12 month date period for each of the required functionalities in these sections. Change the title names to reflect your dataset and the analysis being performed.</w:t>
      </w:r>
      <w:r>
        <w:rPr>
          <w:color w:val="FF0000"/>
        </w:rPr>
        <w:t xml:space="preserve"> You may include images from your program as well as your own description of the results.</w:t>
      </w:r>
    </w:p>
    <w:p w14:paraId="3070BA79" w14:textId="77777777" w:rsidR="004F4973" w:rsidRPr="00ED34AE" w:rsidRDefault="004F4973" w:rsidP="004F4973">
      <w:pPr>
        <w:ind w:left="0"/>
      </w:pPr>
    </w:p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15"/>
      <w:footerReference w:type="first" r:id="rId16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3F0A328" w14:textId="77777777" w:rsidR="001976AA" w:rsidRDefault="001976AA">
      <w:pPr>
        <w:spacing w:after="0" w:line="240" w:lineRule="auto"/>
      </w:pPr>
      <w:r>
        <w:separator/>
      </w:r>
    </w:p>
  </w:endnote>
  <w:endnote w:type="continuationSeparator" w:id="0">
    <w:p w14:paraId="7FDC4109" w14:textId="77777777" w:rsidR="001976AA" w:rsidRDefault="001976A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DilleniaUPC">
    <w:altName w:val="DilleniaUPC"/>
    <w:charset w:val="00"/>
    <w:family w:val="roman"/>
    <w:pitch w:val="default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2CA232C0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2E5EE2">
                <w:t>Victoria Crash Statistics Data Analysis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990DAD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Harris Huntington, Eric Martin</w:t>
              </w:r>
            </w:sdtContent>
          </w:sdt>
        </w:p>
      </w:tc>
      <w:tc>
        <w:tcPr>
          <w:tcW w:w="4675" w:type="dxa"/>
        </w:tcPr>
        <w:p w14:paraId="66753B50" w14:textId="01A323B8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0F12BC">
            <w:rPr>
              <w:noProof/>
            </w:rPr>
            <w:t>6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20184D91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2E5EE2">
          <w:t>Victoria Crash Statistics Data Analysis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990DAD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Harris Huntington, Eric Martin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2DC1592" w14:textId="77777777" w:rsidR="001976AA" w:rsidRDefault="001976AA">
      <w:pPr>
        <w:spacing w:after="0" w:line="240" w:lineRule="auto"/>
      </w:pPr>
      <w:r>
        <w:separator/>
      </w:r>
    </w:p>
  </w:footnote>
  <w:footnote w:type="continuationSeparator" w:id="0">
    <w:p w14:paraId="1F8288C8" w14:textId="77777777" w:rsidR="001976AA" w:rsidRDefault="001976A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5707688E"/>
    <w:multiLevelType w:val="hybridMultilevel"/>
    <w:tmpl w:val="7C76206E"/>
    <w:lvl w:ilvl="0" w:tplc="433CD27C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" w15:restartNumberingAfterBreak="0">
    <w:nsid w:val="699B3355"/>
    <w:multiLevelType w:val="hybridMultilevel"/>
    <w:tmpl w:val="DD4420FC"/>
    <w:lvl w:ilvl="0" w:tplc="61D0D214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num w:numId="1" w16cid:durableId="540244530">
    <w:abstractNumId w:val="1"/>
  </w:num>
  <w:num w:numId="2" w16cid:durableId="185167796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F12BC"/>
    <w:rsid w:val="00184AA9"/>
    <w:rsid w:val="001976AA"/>
    <w:rsid w:val="001B4C69"/>
    <w:rsid w:val="002D4235"/>
    <w:rsid w:val="002E5EE2"/>
    <w:rsid w:val="004F4973"/>
    <w:rsid w:val="0058572C"/>
    <w:rsid w:val="00643B35"/>
    <w:rsid w:val="008126C7"/>
    <w:rsid w:val="009000CE"/>
    <w:rsid w:val="0097144C"/>
    <w:rsid w:val="00990DAD"/>
    <w:rsid w:val="00AD07E1"/>
    <w:rsid w:val="00AE0CAF"/>
    <w:rsid w:val="00C131DB"/>
    <w:rsid w:val="00CB3CCE"/>
    <w:rsid w:val="00D77E47"/>
    <w:rsid w:val="00DD0ACF"/>
    <w:rsid w:val="00ED34AE"/>
    <w:rsid w:val="00EF1F30"/>
    <w:rsid w:val="00FE58F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th-TH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Paragraph">
    <w:name w:val="List Paragraph"/>
    <w:basedOn w:val="Normal"/>
    <w:uiPriority w:val="34"/>
    <w:unhideWhenUsed/>
    <w:qFormat/>
    <w:rsid w:val="002E5EE2"/>
    <w:pPr>
      <w:contextualSpacing/>
    </w:pPr>
  </w:style>
  <w:style w:type="paragraph" w:styleId="Caption">
    <w:name w:val="caption"/>
    <w:basedOn w:val="Normal"/>
    <w:next w:val="Normal"/>
    <w:uiPriority w:val="35"/>
    <w:unhideWhenUsed/>
    <w:qFormat/>
    <w:rsid w:val="00D77E47"/>
    <w:pPr>
      <w:spacing w:line="240" w:lineRule="auto"/>
    </w:pPr>
    <w:rPr>
      <w:i/>
      <w:iCs/>
      <w:color w:val="44546A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5.png"/><Relationship Id="rId18" Type="http://schemas.openxmlformats.org/officeDocument/2006/relationships/glossaryDocument" Target="glossary/document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4.png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png"/><Relationship Id="rId5" Type="http://schemas.openxmlformats.org/officeDocument/2006/relationships/webSettings" Target="webSettings.xml"/><Relationship Id="rId15" Type="http://schemas.openxmlformats.org/officeDocument/2006/relationships/footer" Target="footer2.xml"/><Relationship Id="rId10" Type="http://schemas.openxmlformats.org/officeDocument/2006/relationships/image" Target="media/image2.png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image" Target="media/image6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DilleniaUPC">
    <w:altName w:val="DilleniaUPC"/>
    <w:charset w:val="00"/>
    <w:family w:val="roman"/>
    <w:pitch w:val="default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ordia New">
    <w:panose1 w:val="020B0304020202020204"/>
    <w:charset w:val="DE"/>
    <w:family w:val="swiss"/>
    <w:pitch w:val="variable"/>
    <w:sig w:usb0="81000003" w:usb1="00000000" w:usb2="00000000" w:usb3="00000000" w:csb0="0001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Angsana New">
    <w:panose1 w:val="02020603050405020304"/>
    <w:charset w:val="DE"/>
    <w:family w:val="roman"/>
    <w:pitch w:val="variable"/>
    <w:sig w:usb0="81000003" w:usb1="00000000" w:usb2="00000000" w:usb3="00000000" w:csb0="00010001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184003"/>
    <w:rsid w:val="00532F82"/>
    <w:rsid w:val="00854693"/>
    <w:rsid w:val="008E2F1F"/>
    <w:rsid w:val="00A87883"/>
    <w:rsid w:val="00B70DC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zh-CN" w:bidi="th-TH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122</TotalTime>
  <Pages>7</Pages>
  <Words>473</Words>
  <Characters>2699</Characters>
  <Application>Microsoft Office Word</Application>
  <DocSecurity>0</DocSecurity>
  <Lines>22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Victoria Crash Statistics Data Analysis Executive Summary</vt:lpstr>
    </vt:vector>
  </TitlesOfParts>
  <Company/>
  <LinksUpToDate>false</LinksUpToDate>
  <CharactersWithSpaces>316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Victoria Crash Statistics Data Analysis Executive Summary</dc:title>
  <dc:creator>Harris Huntington, Eric Martin</dc:creator>
  <cp:keywords/>
  <cp:lastModifiedBy>Eric Martin</cp:lastModifiedBy>
  <cp:revision>9</cp:revision>
  <dcterms:created xsi:type="dcterms:W3CDTF">2017-08-28T03:16:00Z</dcterms:created>
  <dcterms:modified xsi:type="dcterms:W3CDTF">2022-10-11T09:35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